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3/03 March/"/>
    </mc:Choice>
  </mc:AlternateContent>
  <xr:revisionPtr revIDLastSave="0" documentId="8_{17595A80-5217-4102-9EA7-9385595BF998}" xr6:coauthVersionLast="47" xr6:coauthVersionMax="47" xr10:uidLastSave="{00000000-0000-0000-0000-000000000000}"/>
  <bookViews>
    <workbookView xWindow="75" yWindow="-16320" windowWidth="29040" windowHeight="15840" xr2:uid="{00000000-000D-0000-FFFF-FFFF00000000}"/>
  </bookViews>
  <sheets>
    <sheet name="ALO5LITTL" sheetId="3" r:id="rId1"/>
  </sheets>
  <externalReferences>
    <externalReference r:id="rId2"/>
    <externalReference r:id="rId3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1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2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45" uniqueCount="58">
  <si>
    <t>Explore</t>
  </si>
  <si>
    <t/>
  </si>
  <si>
    <t>Widget</t>
  </si>
  <si>
    <t>Layout</t>
  </si>
  <si>
    <t>Portfolio Full Name</t>
  </si>
  <si>
    <t>Portfolio Short Name</t>
  </si>
  <si>
    <t>Date</t>
  </si>
  <si>
    <t>Currency</t>
  </si>
  <si>
    <t>Benchmark</t>
  </si>
  <si>
    <t>Look-through</t>
  </si>
  <si>
    <t>Widget Filter</t>
  </si>
  <si>
    <t>Breakdown</t>
  </si>
  <si>
    <t>Active Exposure by Sector</t>
  </si>
  <si>
    <t>GBP</t>
  </si>
  <si>
    <t>Enabled</t>
  </si>
  <si>
    <t>NoCash</t>
  </si>
  <si>
    <t>&lt;Security Group&gt;</t>
  </si>
  <si>
    <t>ISIN</t>
  </si>
  <si>
    <t>Par Value (m)</t>
  </si>
  <si>
    <t>Security Description</t>
  </si>
  <si>
    <t>Market Value</t>
  </si>
  <si>
    <t>Powered by BlackRock Solutions®</t>
  </si>
  <si>
    <t>Aquila Life Over 5 Years UK Index Linked Gilt Index Fund</t>
  </si>
  <si>
    <t>ALO5LITTL</t>
  </si>
  <si>
    <t>Primary (FTILGLT5P)</t>
  </si>
  <si>
    <t>IBND</t>
  </si>
  <si>
    <t>GB00BLH38265</t>
  </si>
  <si>
    <t>UK I/L GILT       RegS</t>
  </si>
  <si>
    <t>GB00BNNGP551</t>
  </si>
  <si>
    <t>UK I/L GILT 0.125 8/10/31 0.125 8 RegS</t>
  </si>
  <si>
    <t>GB00BNNGP882</t>
  </si>
  <si>
    <t>GB0008932666</t>
  </si>
  <si>
    <t>GB00BYVP4K94</t>
  </si>
  <si>
    <t>GB00BGDYHF49</t>
  </si>
  <si>
    <t>GB00B3Y1JG82</t>
  </si>
  <si>
    <t>GB00BYZW3J87</t>
  </si>
  <si>
    <t>GB00BZ13DV40</t>
  </si>
  <si>
    <t>GB00BZ1NTB69</t>
  </si>
  <si>
    <t>GB00BD9MZZ71</t>
  </si>
  <si>
    <t>GB0031790826</t>
  </si>
  <si>
    <t>GB00BYMWG366</t>
  </si>
  <si>
    <t>GB00B46CGH68</t>
  </si>
  <si>
    <t>GB00BP9DLZ64</t>
  </si>
  <si>
    <t>GB00B3D4VD98</t>
  </si>
  <si>
    <t>GB00B73ZYW09</t>
  </si>
  <si>
    <t>GB00B3MYD345</t>
  </si>
  <si>
    <t>GB00B3LZBF68</t>
  </si>
  <si>
    <t>GB00B7RN0G65</t>
  </si>
  <si>
    <t>GB00B1L6W962</t>
  </si>
  <si>
    <t>GB00B24FFM16</t>
  </si>
  <si>
    <t>GB00B421JZ66</t>
  </si>
  <si>
    <t>GB00B4PTCY75</t>
  </si>
  <si>
    <t>GB00B0CNHZ09</t>
  </si>
  <si>
    <t>GB00BDX8CX86</t>
  </si>
  <si>
    <t>GB00BM8Z2W66</t>
  </si>
  <si>
    <t>Brunel Holdings</t>
  </si>
  <si>
    <t>31-MAR-2023</t>
  </si>
  <si>
    <t>Confidential - For Internal Use Only. Generated: Apr 10 2023 03:28:03 ED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10" x14ac:knownFonts="1">
    <font>
      <sz val="11"/>
      <color indexed="8"/>
      <name val="Calibri"/>
      <family val="2"/>
      <scheme val="minor"/>
    </font>
    <font>
      <sz val="10"/>
      <color theme="1"/>
      <name val="Arial"/>
      <family val="2"/>
    </font>
    <font>
      <sz val="10"/>
      <name val="Arial"/>
      <family val="2"/>
    </font>
    <font>
      <sz val="10"/>
      <color theme="1"/>
      <name val="Calibri"/>
      <family val="2"/>
      <scheme val="minor"/>
    </font>
    <font>
      <sz val="10"/>
      <color theme="1"/>
      <name val="Calibri"/>
      <family val="2"/>
      <scheme val="minor"/>
    </font>
    <font>
      <sz val="10"/>
      <name val="Trebuchet MS"/>
      <family val="2"/>
    </font>
    <font>
      <sz val="11"/>
      <color indexed="8"/>
      <name val="Calibri"/>
      <family val="2"/>
      <scheme val="minor"/>
    </font>
    <font>
      <sz val="10"/>
      <color indexed="9"/>
      <name val="Arial"/>
      <family val="2"/>
    </font>
    <font>
      <b/>
      <sz val="11"/>
      <name val="Calibri"/>
      <family val="2"/>
    </font>
    <font>
      <b/>
      <sz val="10"/>
      <name val="Arial"/>
      <family val="2"/>
    </font>
  </fonts>
  <fills count="9">
    <fill>
      <patternFill patternType="none"/>
    </fill>
    <fill>
      <patternFill patternType="gray125"/>
    </fill>
    <fill>
      <patternFill patternType="solid">
        <fgColor rgb="FF008CCF"/>
      </patternFill>
    </fill>
    <fill>
      <patternFill patternType="solid">
        <fgColor rgb="FFDDDACB"/>
      </patternFill>
    </fill>
    <fill>
      <patternFill patternType="solid">
        <fgColor rgb="FFFFFFFF"/>
      </patternFill>
    </fill>
    <fill>
      <patternFill patternType="none">
        <fgColor rgb="FFEBEBEB"/>
      </patternFill>
    </fill>
    <fill>
      <patternFill patternType="solid">
        <fgColor rgb="FFEBEBEB"/>
      </patternFill>
    </fill>
    <fill>
      <patternFill patternType="solid">
        <fgColor rgb="FFB0D1B5"/>
      </patternFill>
    </fill>
    <fill>
      <patternFill patternType="solid">
        <fgColor rgb="FFA5CBAB"/>
      </patternFill>
    </fill>
  </fills>
  <borders count="9">
    <border>
      <left/>
      <right/>
      <top/>
      <bottom/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</borders>
  <cellStyleXfs count="6">
    <xf numFmtId="0" fontId="0" fillId="0" borderId="0"/>
    <xf numFmtId="0" fontId="3" fillId="5" borderId="0"/>
    <xf numFmtId="0" fontId="4" fillId="5" borderId="0"/>
    <xf numFmtId="0" fontId="1" fillId="5" borderId="0"/>
    <xf numFmtId="0" fontId="6" fillId="5" borderId="0"/>
    <xf numFmtId="0" fontId="6" fillId="5" borderId="0"/>
  </cellStyleXfs>
  <cellXfs count="26">
    <xf numFmtId="0" fontId="0" fillId="0" borderId="0" xfId="0"/>
    <xf numFmtId="0" fontId="0" fillId="2" borderId="0" xfId="0" applyFill="1"/>
    <xf numFmtId="0" fontId="7" fillId="2" borderId="0" xfId="0" applyFont="1" applyFill="1"/>
    <xf numFmtId="0" fontId="8" fillId="0" borderId="5" xfId="0" applyFont="1" applyBorder="1" applyAlignment="1">
      <alignment horizontal="center"/>
    </xf>
    <xf numFmtId="0" fontId="8" fillId="0" borderId="4" xfId="0" applyFont="1" applyBorder="1" applyAlignment="1">
      <alignment horizontal="center"/>
    </xf>
    <xf numFmtId="0" fontId="8" fillId="0" borderId="6" xfId="0" applyFont="1" applyBorder="1" applyAlignment="1">
      <alignment horizontal="center"/>
    </xf>
    <xf numFmtId="0" fontId="8" fillId="0" borderId="8" xfId="0" applyFont="1" applyBorder="1" applyAlignment="1">
      <alignment horizontal="center"/>
    </xf>
    <xf numFmtId="0" fontId="8" fillId="0" borderId="7" xfId="0" applyFont="1" applyBorder="1" applyAlignment="1">
      <alignment horizontal="center"/>
    </xf>
    <xf numFmtId="0" fontId="8" fillId="0" borderId="1" xfId="0" applyFont="1" applyBorder="1" applyAlignment="1">
      <alignment horizontal="center"/>
    </xf>
    <xf numFmtId="0" fontId="9" fillId="3" borderId="2" xfId="0" applyFont="1" applyFill="1" applyBorder="1" applyAlignment="1">
      <alignment horizontal="center" wrapText="1"/>
    </xf>
    <xf numFmtId="0" fontId="9" fillId="0" borderId="0" xfId="0" applyFont="1" applyAlignment="1">
      <alignment horizontal="left"/>
    </xf>
    <xf numFmtId="0" fontId="2" fillId="8" borderId="3" xfId="0" applyFont="1" applyFill="1" applyBorder="1" applyAlignment="1">
      <alignment horizontal="left"/>
    </xf>
    <xf numFmtId="164" fontId="2" fillId="8" borderId="3" xfId="0" applyNumberFormat="1" applyFont="1" applyFill="1" applyBorder="1" applyAlignment="1">
      <alignment horizontal="right"/>
    </xf>
    <xf numFmtId="4" fontId="2" fillId="8" borderId="3" xfId="0" applyNumberFormat="1" applyFont="1" applyFill="1" applyBorder="1" applyAlignment="1">
      <alignment horizontal="right"/>
    </xf>
    <xf numFmtId="0" fontId="2" fillId="7" borderId="3" xfId="0" applyFont="1" applyFill="1" applyBorder="1" applyAlignment="1">
      <alignment horizontal="left" indent="1"/>
    </xf>
    <xf numFmtId="164" fontId="2" fillId="7" borderId="3" xfId="0" applyNumberFormat="1" applyFont="1" applyFill="1" applyBorder="1" applyAlignment="1">
      <alignment horizontal="right"/>
    </xf>
    <xf numFmtId="0" fontId="2" fillId="7" borderId="3" xfId="0" applyFont="1" applyFill="1" applyBorder="1" applyAlignment="1">
      <alignment horizontal="left"/>
    </xf>
    <xf numFmtId="4" fontId="2" fillId="7" borderId="3" xfId="0" applyNumberFormat="1" applyFont="1" applyFill="1" applyBorder="1" applyAlignment="1">
      <alignment horizontal="right"/>
    </xf>
    <xf numFmtId="0" fontId="2" fillId="4" borderId="3" xfId="0" applyFont="1" applyFill="1" applyBorder="1" applyAlignment="1">
      <alignment horizontal="left" indent="2"/>
    </xf>
    <xf numFmtId="164" fontId="2" fillId="4" borderId="3" xfId="0" applyNumberFormat="1" applyFont="1" applyFill="1" applyBorder="1" applyAlignment="1">
      <alignment horizontal="right"/>
    </xf>
    <xf numFmtId="0" fontId="2" fillId="4" borderId="3" xfId="0" applyFont="1" applyFill="1" applyBorder="1" applyAlignment="1">
      <alignment horizontal="left"/>
    </xf>
    <xf numFmtId="4" fontId="2" fillId="4" borderId="3" xfId="0" applyNumberFormat="1" applyFont="1" applyFill="1" applyBorder="1" applyAlignment="1">
      <alignment horizontal="right"/>
    </xf>
    <xf numFmtId="0" fontId="2" fillId="6" borderId="3" xfId="0" applyFont="1" applyFill="1" applyBorder="1" applyAlignment="1">
      <alignment horizontal="left" indent="2"/>
    </xf>
    <xf numFmtId="164" fontId="2" fillId="6" borderId="3" xfId="0" applyNumberFormat="1" applyFont="1" applyFill="1" applyBorder="1" applyAlignment="1">
      <alignment horizontal="right"/>
    </xf>
    <xf numFmtId="0" fontId="2" fillId="6" borderId="3" xfId="0" applyFont="1" applyFill="1" applyBorder="1" applyAlignment="1">
      <alignment horizontal="left"/>
    </xf>
    <xf numFmtId="4" fontId="2" fillId="6" borderId="3" xfId="0" applyNumberFormat="1" applyFont="1" applyFill="1" applyBorder="1" applyAlignment="1">
      <alignment horizontal="right"/>
    </xf>
  </cellXfs>
  <cellStyles count="6">
    <cellStyle name="Normal" xfId="0" builtinId="0"/>
    <cellStyle name="Normal 2" xfId="2" xr:uid="{57712C32-6218-49B8-B52C-2022CCD98B68}"/>
    <cellStyle name="Normal 3" xfId="1" xr:uid="{7339DEC5-97C1-43E3-85FF-DEB8ED5B6D79}"/>
    <cellStyle name="Normal 4" xfId="3" xr:uid="{83A549A2-DC62-463E-BBB2-85F6CB546C39}"/>
    <cellStyle name="Normal 5" xfId="4" xr:uid="{C4D89FEC-2609-42DB-9189-197B85B261A5}"/>
    <cellStyle name="Normal 6" xfId="5" xr:uid="{D57422C8-351B-40A4-AD9F-8A0D80B0D51E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externalLink" Target="externalLinks/externalLink2.xml"/><Relationship Id="rId7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Relationship Id="rId9" Type="http://schemas.openxmlformats.org/officeDocument/2006/relationships/customXml" Target="../customXml/item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E7EE4B7-C797-462E-8734-1E1AE1D7E437}">
  <sheetPr codeName="Sheet3"/>
  <dimension ref="A1:J39"/>
  <sheetViews>
    <sheetView tabSelected="1" workbookViewId="0">
      <selection activeCell="A30" sqref="A30"/>
    </sheetView>
  </sheetViews>
  <sheetFormatPr defaultColWidth="48.54296875" defaultRowHeight="14.5" x14ac:dyDescent="0.35"/>
  <sheetData>
    <row r="1" spans="1:10" x14ac:dyDescent="0.35">
      <c r="A1" s="2" t="s">
        <v>0</v>
      </c>
      <c r="B1" s="1" t="s">
        <v>1</v>
      </c>
      <c r="C1" s="1" t="s">
        <v>1</v>
      </c>
      <c r="D1" s="1" t="s">
        <v>1</v>
      </c>
      <c r="E1" s="1" t="s">
        <v>1</v>
      </c>
      <c r="F1" s="1" t="s">
        <v>1</v>
      </c>
      <c r="G1" s="1" t="s">
        <v>1</v>
      </c>
      <c r="H1" s="1" t="s">
        <v>1</v>
      </c>
      <c r="I1" s="1" t="s">
        <v>1</v>
      </c>
      <c r="J1" s="1" t="s">
        <v>1</v>
      </c>
    </row>
    <row r="2" spans="1:10" x14ac:dyDescent="0.35">
      <c r="A2" t="s">
        <v>1</v>
      </c>
      <c r="B2" t="s">
        <v>1</v>
      </c>
      <c r="C2" t="s">
        <v>1</v>
      </c>
      <c r="D2" t="s">
        <v>1</v>
      </c>
      <c r="E2" t="s">
        <v>1</v>
      </c>
      <c r="F2" t="s">
        <v>1</v>
      </c>
      <c r="G2" t="s">
        <v>1</v>
      </c>
      <c r="H2" t="s">
        <v>1</v>
      </c>
      <c r="I2" t="s">
        <v>1</v>
      </c>
      <c r="J2" t="s">
        <v>1</v>
      </c>
    </row>
    <row r="3" spans="1:10" x14ac:dyDescent="0.35">
      <c r="A3" s="3" t="s">
        <v>2</v>
      </c>
      <c r="B3" s="4" t="s">
        <v>3</v>
      </c>
      <c r="C3" s="4" t="s">
        <v>4</v>
      </c>
      <c r="D3" s="4" t="s">
        <v>5</v>
      </c>
      <c r="E3" s="4" t="s">
        <v>6</v>
      </c>
      <c r="F3" s="4" t="s">
        <v>7</v>
      </c>
      <c r="G3" s="4" t="s">
        <v>8</v>
      </c>
      <c r="H3" s="4" t="s">
        <v>9</v>
      </c>
      <c r="I3" s="4" t="s">
        <v>10</v>
      </c>
      <c r="J3" s="5" t="s">
        <v>11</v>
      </c>
    </row>
    <row r="4" spans="1:10" x14ac:dyDescent="0.35">
      <c r="A4" s="6" t="s">
        <v>12</v>
      </c>
      <c r="B4" s="7" t="s">
        <v>55</v>
      </c>
      <c r="C4" s="7" t="s">
        <v>22</v>
      </c>
      <c r="D4" s="7" t="s">
        <v>23</v>
      </c>
      <c r="E4" s="7" t="s">
        <v>56</v>
      </c>
      <c r="F4" s="7" t="s">
        <v>13</v>
      </c>
      <c r="G4" s="7" t="s">
        <v>24</v>
      </c>
      <c r="H4" s="7" t="s">
        <v>14</v>
      </c>
      <c r="I4" s="7" t="s">
        <v>15</v>
      </c>
      <c r="J4" s="8" t="s">
        <v>16</v>
      </c>
    </row>
    <row r="5" spans="1:10" x14ac:dyDescent="0.35">
      <c r="A5" t="s">
        <v>1</v>
      </c>
      <c r="B5" t="s">
        <v>1</v>
      </c>
      <c r="C5" t="s">
        <v>1</v>
      </c>
      <c r="D5" t="s">
        <v>1</v>
      </c>
      <c r="E5" t="s">
        <v>1</v>
      </c>
      <c r="F5" t="s">
        <v>1</v>
      </c>
      <c r="G5" t="s">
        <v>1</v>
      </c>
      <c r="H5" t="s">
        <v>1</v>
      </c>
      <c r="I5" t="s">
        <v>1</v>
      </c>
      <c r="J5" t="s">
        <v>1</v>
      </c>
    </row>
    <row r="7" spans="1:10" x14ac:dyDescent="0.35">
      <c r="A7" s="9" t="s">
        <v>17</v>
      </c>
      <c r="B7" s="9" t="s">
        <v>18</v>
      </c>
      <c r="C7" s="9" t="s">
        <v>19</v>
      </c>
      <c r="D7" s="9" t="s">
        <v>20</v>
      </c>
      <c r="E7" s="9" t="s">
        <v>7</v>
      </c>
    </row>
    <row r="8" spans="1:10" x14ac:dyDescent="0.35">
      <c r="A8" s="11" t="s">
        <v>23</v>
      </c>
      <c r="B8" s="12">
        <v>1785452261.6330719</v>
      </c>
      <c r="C8" s="11" t="s">
        <v>1</v>
      </c>
      <c r="D8" s="13">
        <v>1945514513.3315294</v>
      </c>
      <c r="E8" s="11" t="s">
        <v>1</v>
      </c>
    </row>
    <row r="9" spans="1:10" x14ac:dyDescent="0.35">
      <c r="A9" s="14" t="s">
        <v>25</v>
      </c>
      <c r="B9" s="15">
        <v>1785452261.6330719</v>
      </c>
      <c r="C9" s="16" t="s">
        <v>1</v>
      </c>
      <c r="D9" s="17">
        <v>1945514513.3315294</v>
      </c>
      <c r="E9" s="16" t="s">
        <v>1</v>
      </c>
    </row>
    <row r="10" spans="1:10" x14ac:dyDescent="0.35">
      <c r="A10" s="18" t="s">
        <v>54</v>
      </c>
      <c r="B10" s="19">
        <v>20041490.000000004</v>
      </c>
      <c r="C10" s="20" t="s">
        <v>27</v>
      </c>
      <c r="D10" s="21">
        <v>20527106.739419844</v>
      </c>
      <c r="E10" s="20" t="s">
        <v>13</v>
      </c>
    </row>
    <row r="11" spans="1:10" x14ac:dyDescent="0.35">
      <c r="A11" s="22" t="s">
        <v>30</v>
      </c>
      <c r="B11" s="23">
        <v>35680076.680750199</v>
      </c>
      <c r="C11" s="24" t="s">
        <v>27</v>
      </c>
      <c r="D11" s="25">
        <v>33044409.777256507</v>
      </c>
      <c r="E11" s="24" t="s">
        <v>13</v>
      </c>
    </row>
    <row r="12" spans="1:10" x14ac:dyDescent="0.35">
      <c r="A12" s="18" t="s">
        <v>32</v>
      </c>
      <c r="B12" s="19">
        <v>37824114.108363912</v>
      </c>
      <c r="C12" s="20" t="s">
        <v>27</v>
      </c>
      <c r="D12" s="21">
        <v>35132755.986823767</v>
      </c>
      <c r="E12" s="20" t="s">
        <v>13</v>
      </c>
    </row>
    <row r="13" spans="1:10" x14ac:dyDescent="0.35">
      <c r="A13" s="22" t="s">
        <v>26</v>
      </c>
      <c r="B13" s="23">
        <v>35708958.079999998</v>
      </c>
      <c r="C13" s="24" t="s">
        <v>27</v>
      </c>
      <c r="D13" s="25">
        <v>35481512.394424953</v>
      </c>
      <c r="E13" s="24" t="s">
        <v>13</v>
      </c>
    </row>
    <row r="14" spans="1:10" x14ac:dyDescent="0.35">
      <c r="A14" s="18" t="s">
        <v>38</v>
      </c>
      <c r="B14" s="19">
        <v>43502768.395966001</v>
      </c>
      <c r="C14" s="20" t="s">
        <v>27</v>
      </c>
      <c r="D14" s="21">
        <v>41503617.902072318</v>
      </c>
      <c r="E14" s="20" t="s">
        <v>13</v>
      </c>
    </row>
    <row r="15" spans="1:10" x14ac:dyDescent="0.35">
      <c r="A15" s="22" t="s">
        <v>42</v>
      </c>
      <c r="B15" s="23">
        <v>60607529.299240611</v>
      </c>
      <c r="C15" s="24" t="s">
        <v>27</v>
      </c>
      <c r="D15" s="25">
        <v>56124424.942794129</v>
      </c>
      <c r="E15" s="24" t="s">
        <v>13</v>
      </c>
    </row>
    <row r="16" spans="1:10" x14ac:dyDescent="0.35">
      <c r="A16" s="18" t="s">
        <v>36</v>
      </c>
      <c r="B16" s="19">
        <v>60804468.340527587</v>
      </c>
      <c r="C16" s="20" t="s">
        <v>27</v>
      </c>
      <c r="D16" s="21">
        <v>56813822.372576833</v>
      </c>
      <c r="E16" s="20" t="s">
        <v>13</v>
      </c>
    </row>
    <row r="17" spans="1:5" x14ac:dyDescent="0.35">
      <c r="A17" s="22" t="s">
        <v>28</v>
      </c>
      <c r="B17" s="23">
        <v>54719133.805322997</v>
      </c>
      <c r="C17" s="24" t="s">
        <v>29</v>
      </c>
      <c r="D17" s="25">
        <v>56918799.148526803</v>
      </c>
      <c r="E17" s="24" t="s">
        <v>13</v>
      </c>
    </row>
    <row r="18" spans="1:5" x14ac:dyDescent="0.35">
      <c r="A18" s="18" t="s">
        <v>33</v>
      </c>
      <c r="B18" s="19">
        <v>62099510.540422499</v>
      </c>
      <c r="C18" s="20" t="s">
        <v>27</v>
      </c>
      <c r="D18" s="21">
        <v>61122635.491394982</v>
      </c>
      <c r="E18" s="20" t="s">
        <v>13</v>
      </c>
    </row>
    <row r="19" spans="1:5" x14ac:dyDescent="0.35">
      <c r="A19" s="22" t="s">
        <v>31</v>
      </c>
      <c r="B19" s="23">
        <v>18606981.91</v>
      </c>
      <c r="C19" s="24" t="s">
        <v>27</v>
      </c>
      <c r="D19" s="25">
        <v>65173743.336643413</v>
      </c>
      <c r="E19" s="24" t="s">
        <v>13</v>
      </c>
    </row>
    <row r="20" spans="1:5" x14ac:dyDescent="0.35">
      <c r="A20" s="18" t="s">
        <v>53</v>
      </c>
      <c r="B20" s="19">
        <v>71138165.526543587</v>
      </c>
      <c r="C20" s="20" t="s">
        <v>27</v>
      </c>
      <c r="D20" s="21">
        <v>68237903.113175213</v>
      </c>
      <c r="E20" s="20" t="s">
        <v>13</v>
      </c>
    </row>
    <row r="21" spans="1:5" x14ac:dyDescent="0.35">
      <c r="A21" s="22" t="s">
        <v>40</v>
      </c>
      <c r="B21" s="23">
        <v>72437442.970807195</v>
      </c>
      <c r="C21" s="24" t="s">
        <v>27</v>
      </c>
      <c r="D21" s="25">
        <v>68252773.226967961</v>
      </c>
      <c r="E21" s="24" t="s">
        <v>13</v>
      </c>
    </row>
    <row r="22" spans="1:5" x14ac:dyDescent="0.35">
      <c r="A22" s="18" t="s">
        <v>44</v>
      </c>
      <c r="B22" s="19">
        <v>71844269.079618007</v>
      </c>
      <c r="C22" s="20" t="s">
        <v>27</v>
      </c>
      <c r="D22" s="21">
        <v>69190423.775993586</v>
      </c>
      <c r="E22" s="20" t="s">
        <v>13</v>
      </c>
    </row>
    <row r="23" spans="1:5" x14ac:dyDescent="0.35">
      <c r="A23" s="22" t="s">
        <v>35</v>
      </c>
      <c r="B23" s="23">
        <v>74053087.719748005</v>
      </c>
      <c r="C23" s="24" t="s">
        <v>27</v>
      </c>
      <c r="D23" s="25">
        <v>75285734.095489711</v>
      </c>
      <c r="E23" s="24" t="s">
        <v>13</v>
      </c>
    </row>
    <row r="24" spans="1:5" x14ac:dyDescent="0.35">
      <c r="A24" s="18" t="s">
        <v>51</v>
      </c>
      <c r="B24" s="19">
        <v>74461415.438662007</v>
      </c>
      <c r="C24" s="20" t="s">
        <v>27</v>
      </c>
      <c r="D24" s="21">
        <v>76426579.666794062</v>
      </c>
      <c r="E24" s="20" t="s">
        <v>13</v>
      </c>
    </row>
    <row r="25" spans="1:5" x14ac:dyDescent="0.35">
      <c r="A25" s="22" t="s">
        <v>50</v>
      </c>
      <c r="B25" s="23">
        <v>80268476.854929</v>
      </c>
      <c r="C25" s="24" t="s">
        <v>27</v>
      </c>
      <c r="D25" s="25">
        <v>82268950.519677088</v>
      </c>
      <c r="E25" s="24" t="s">
        <v>13</v>
      </c>
    </row>
    <row r="26" spans="1:5" x14ac:dyDescent="0.35">
      <c r="A26" s="18" t="s">
        <v>49</v>
      </c>
      <c r="B26" s="19">
        <v>78968641.228162289</v>
      </c>
      <c r="C26" s="20" t="s">
        <v>27</v>
      </c>
      <c r="D26" s="21">
        <v>85773578.462394074</v>
      </c>
      <c r="E26" s="20" t="s">
        <v>13</v>
      </c>
    </row>
    <row r="27" spans="1:5" x14ac:dyDescent="0.35">
      <c r="A27" s="22" t="s">
        <v>47</v>
      </c>
      <c r="B27" s="23">
        <v>91847530.380230978</v>
      </c>
      <c r="C27" s="24" t="s">
        <v>27</v>
      </c>
      <c r="D27" s="25">
        <v>87891709.659747317</v>
      </c>
      <c r="E27" s="24" t="s">
        <v>13</v>
      </c>
    </row>
    <row r="28" spans="1:5" x14ac:dyDescent="0.35">
      <c r="A28" s="18" t="s">
        <v>39</v>
      </c>
      <c r="B28" s="19">
        <v>34914233.280000001</v>
      </c>
      <c r="C28" s="20" t="s">
        <v>27</v>
      </c>
      <c r="D28" s="21">
        <v>88884582.092257857</v>
      </c>
      <c r="E28" s="20" t="s">
        <v>13</v>
      </c>
    </row>
    <row r="29" spans="1:5" x14ac:dyDescent="0.35">
      <c r="A29" s="22" t="s">
        <v>45</v>
      </c>
      <c r="B29" s="23">
        <v>83509468.443843707</v>
      </c>
      <c r="C29" s="24" t="s">
        <v>27</v>
      </c>
      <c r="D29" s="25">
        <v>89708143.290399492</v>
      </c>
      <c r="E29" s="24" t="s">
        <v>13</v>
      </c>
    </row>
    <row r="30" spans="1:5" x14ac:dyDescent="0.35">
      <c r="A30" s="18" t="s">
        <v>37</v>
      </c>
      <c r="B30" s="19">
        <v>89149197.353324428</v>
      </c>
      <c r="C30" s="20" t="s">
        <v>27</v>
      </c>
      <c r="D30" s="21">
        <v>91309210.987330183</v>
      </c>
      <c r="E30" s="20" t="s">
        <v>13</v>
      </c>
    </row>
    <row r="31" spans="1:5" x14ac:dyDescent="0.35">
      <c r="A31" s="22" t="s">
        <v>52</v>
      </c>
      <c r="B31" s="23">
        <v>73858079.687307596</v>
      </c>
      <c r="C31" s="24" t="s">
        <v>27</v>
      </c>
      <c r="D31" s="25">
        <v>94306015.493289798</v>
      </c>
      <c r="E31" s="24" t="s">
        <v>13</v>
      </c>
    </row>
    <row r="32" spans="1:5" x14ac:dyDescent="0.35">
      <c r="A32" s="18" t="s">
        <v>34</v>
      </c>
      <c r="B32" s="19">
        <v>92479952.290901393</v>
      </c>
      <c r="C32" s="20" t="s">
        <v>27</v>
      </c>
      <c r="D32" s="21">
        <v>94595946.373203039</v>
      </c>
      <c r="E32" s="20" t="s">
        <v>13</v>
      </c>
    </row>
    <row r="33" spans="1:5" x14ac:dyDescent="0.35">
      <c r="A33" s="22" t="s">
        <v>46</v>
      </c>
      <c r="B33" s="23">
        <v>90113160.518152818</v>
      </c>
      <c r="C33" s="24" t="s">
        <v>27</v>
      </c>
      <c r="D33" s="25">
        <v>96759263.222721323</v>
      </c>
      <c r="E33" s="24" t="s">
        <v>13</v>
      </c>
    </row>
    <row r="34" spans="1:5" x14ac:dyDescent="0.35">
      <c r="A34" s="18" t="s">
        <v>41</v>
      </c>
      <c r="B34" s="19">
        <v>88544963.336345002</v>
      </c>
      <c r="C34" s="20" t="s">
        <v>27</v>
      </c>
      <c r="D34" s="21">
        <v>97203193.021627724</v>
      </c>
      <c r="E34" s="20" t="s">
        <v>13</v>
      </c>
    </row>
    <row r="35" spans="1:5" x14ac:dyDescent="0.35">
      <c r="A35" s="22" t="s">
        <v>48</v>
      </c>
      <c r="B35" s="23">
        <v>91636825.648801818</v>
      </c>
      <c r="C35" s="24" t="s">
        <v>27</v>
      </c>
      <c r="D35" s="25">
        <v>106143757.85531479</v>
      </c>
      <c r="E35" s="24" t="s">
        <v>13</v>
      </c>
    </row>
    <row r="36" spans="1:5" x14ac:dyDescent="0.35">
      <c r="A36" s="18" t="s">
        <v>43</v>
      </c>
      <c r="B36" s="19">
        <v>96632320.715100601</v>
      </c>
      <c r="C36" s="20" t="s">
        <v>27</v>
      </c>
      <c r="D36" s="21">
        <v>111433920.38321251</v>
      </c>
      <c r="E36" s="20" t="s">
        <v>13</v>
      </c>
    </row>
    <row r="37" spans="1:5" x14ac:dyDescent="0.35">
      <c r="A37" s="10" t="s">
        <v>1</v>
      </c>
    </row>
    <row r="38" spans="1:5" x14ac:dyDescent="0.35">
      <c r="A38" s="10" t="s">
        <v>57</v>
      </c>
    </row>
    <row r="39" spans="1:5" x14ac:dyDescent="0.35">
      <c r="A39" s="10" t="s">
        <v>21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5" ma:contentTypeDescription="Create a new document." ma:contentTypeScope="" ma:versionID="36b24c87cf9bdb0f7649617f44d5bdd2">
  <xsd:schema xmlns:xsd="http://www.w3.org/2001/XMLSchema" xmlns:xs="http://www.w3.org/2001/XMLSchema" xmlns:p="http://schemas.microsoft.com/office/2006/metadata/properties" xmlns:ns1="a06af3a4-65f4-44aa-b975-839a2c88f011" xmlns:ns2="37395777-011c-4d78-851b-5c6800e5b497" targetNamespace="http://schemas.microsoft.com/office/2006/metadata/properties" ma:root="true" ma:fieldsID="dd0ecd72d15a105813f7fa2f63a27d2a" ns1:_="" ns2:_="">
    <xsd:import namespace="a06af3a4-65f4-44aa-b975-839a2c88f011"/>
    <xsd:import namespace="37395777-011c-4d78-851b-5c6800e5b497"/>
    <xsd:element name="properties">
      <xsd:complexType>
        <xsd:sequence>
          <xsd:element name="documentManagement">
            <xsd:complexType>
              <xsd:all>
                <xsd:element ref="ns1:Classification" minOccurs="0"/>
                <xsd:element ref="ns2:Business_x0020_area" minOccurs="0"/>
                <xsd:element ref="ns2:Level_x0020_2" minOccurs="0"/>
                <xsd:element ref="ns2:Topic" minOccurs="0"/>
                <xsd:element ref="ns2:Client" minOccurs="0"/>
                <xsd:element ref="ns2:Audience" minOccurs="0"/>
                <xsd:element ref="ns1:Personal_x0020_Data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1:SharedWithUsers" minOccurs="0"/>
                <xsd:element ref="ns1:SharedWithDetails" minOccurs="0"/>
                <xsd:element ref="ns2:MediaServiceEventHashCode" minOccurs="0"/>
                <xsd:element ref="ns2:MediaServiceGenerationTime" minOccurs="0"/>
                <xsd:element ref="ns2:MediaServiceAutoKeyPoints" minOccurs="0"/>
                <xsd:element ref="ns2:MediaServiceKeyPoints" minOccurs="0"/>
                <xsd:element ref="ns2:MediaLengthInSeconds" minOccurs="0"/>
                <xsd:element ref="ns2:lcf76f155ced4ddcb4097134ff3c332f" minOccurs="0"/>
                <xsd:element ref="ns1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Classification" ma:index="0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Personal_x0020_Data" ma:index="8" nillable="true" ma:displayName="Personal Data" ma:default="0" ma:indexed="true" ma:internalName="Personal_x0020_Data">
      <xsd:simpleType>
        <xsd:restriction base="dms:Boolean"/>
      </xsd:simpleType>
    </xsd:element>
    <xsd:element name="SharedWithUsers" ma:index="2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8" nillable="true" ma:displayName="Taxonomy Catch All Column" ma:hidden="true" ma:list="{9bc17256-2059-4441-9792-5643375b238b}" ma:internalName="TaxCatchAll" ma:showField="CatchAllData" ma:web="a06af3a4-65f4-44aa-b975-839a2c88f01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1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2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5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6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7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2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MediaServiceAutoTags" ma:internalName="MediaServiceAutoTags" ma:readOnly="true">
      <xsd:simpleType>
        <xsd:restriction base="dms:Text"/>
      </xsd:simpleType>
    </xsd:element>
    <xsd:element name="MediaServiceOCR" ma:index="16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6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7" nillable="true" ma:taxonomy="true" ma:internalName="lcf76f155ced4ddcb4097134ff3c332f" ma:taxonomyFieldName="MediaServiceImageTags" ma:displayName="Image Tags" ma:readOnly="false" ma:fieldId="{5cf76f15-5ced-4ddc-b409-7134ff3c332f}" ma:taxonomyMulti="true" ma:sspId="215a94fe-8423-4890-bab4-97fa22e490d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9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/>
    <Level_x0020_2 xmlns="37395777-011c-4d78-851b-5c6800e5b497"/>
    <Topic xmlns="37395777-011c-4d78-851b-5c6800e5b497"/>
    <Audience xmlns="37395777-011c-4d78-851b-5c6800e5b497"/>
    <Personal_x0020_Data xmlns="a06af3a4-65f4-44aa-b975-839a2c88f011">false</Personal_x0020_Data>
    <Classification xmlns="a06af3a4-65f4-44aa-b975-839a2c88f011">Internal Only</Classification>
    <TaxCatchAll xmlns="a06af3a4-65f4-44aa-b975-839a2c88f011"/>
    <Client xmlns="37395777-011c-4d78-851b-5c6800e5b497"/>
    <lcf76f155ced4ddcb4097134ff3c332f xmlns="37395777-011c-4d78-851b-5c6800e5b49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3C60A7A4-A0C5-49BF-9079-E38FD2C3093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06af3a4-65f4-44aa-b975-839a2c88f011"/>
    <ds:schemaRef ds:uri="37395777-011c-4d78-851b-5c6800e5b49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51990A5-1BBD-4DDB-91DD-7653A484F49E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38B8CD9-A6C9-4767-AD37-FF80AA0A235B}">
  <ds:schemaRefs>
    <ds:schemaRef ds:uri="http://purl.org/dc/dcmitype/"/>
    <ds:schemaRef ds:uri="37395777-011c-4d78-851b-5c6800e5b497"/>
    <ds:schemaRef ds:uri="a06af3a4-65f4-44aa-b975-839a2c88f011"/>
    <ds:schemaRef ds:uri="http://schemas.microsoft.com/office/infopath/2007/PartnerControls"/>
    <ds:schemaRef ds:uri="http://schemas.microsoft.com/office/2006/documentManagement/types"/>
    <ds:schemaRef ds:uri="http://purl.org/dc/elements/1.1/"/>
    <ds:schemaRef ds:uri="http://www.w3.org/XML/1998/namespace"/>
    <ds:schemaRef ds:uri="http://schemas.microsoft.com/office/2006/metadata/properties"/>
    <ds:schemaRef ds:uri="http://schemas.openxmlformats.org/package/2006/metadata/core-properties"/>
    <ds:schemaRef ds:uri="http://purl.org/dc/terms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O5LITTL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Bethan Jones</cp:lastModifiedBy>
  <dcterms:created xsi:type="dcterms:W3CDTF">2021-11-05T12:48:24Z</dcterms:created>
  <dcterms:modified xsi:type="dcterms:W3CDTF">2023-04-11T15:11:1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</Properties>
</file>